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980564\Desktop\08 届出関係\ホームページ\"/>
    </mc:Choice>
  </mc:AlternateContent>
  <bookViews>
    <workbookView xWindow="0" yWindow="0" windowWidth="15345" windowHeight="4485"/>
  </bookViews>
  <sheets>
    <sheet name="居室面積・使用料（家賃）一覧" sheetId="2" r:id="rId1"/>
  </sheets>
  <definedNames>
    <definedName name="_xlnm.Print_Area" localSheetId="0">'居室面積・使用料（家賃）一覧'!$A$1:$S$1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7" uniqueCount="28">
  <si>
    <t>人</t>
    <rPh sb="0" eb="1">
      <t>ニン</t>
    </rPh>
    <phoneticPr fontId="1"/>
  </si>
  <si>
    <t>円</t>
    <rPh sb="0" eb="1">
      <t>エン</t>
    </rPh>
    <phoneticPr fontId="1"/>
  </si>
  <si>
    <t>~</t>
    <phoneticPr fontId="1"/>
  </si>
  <si>
    <t>4.95㎡</t>
    <phoneticPr fontId="1"/>
  </si>
  <si>
    <t>7.43㎡</t>
    <phoneticPr fontId="1"/>
  </si>
  <si>
    <t>14.86㎡</t>
    <phoneticPr fontId="1"/>
  </si>
  <si>
    <t>22.29㎡</t>
    <phoneticPr fontId="1"/>
  </si>
  <si>
    <t xml:space="preserve">一室の定員
</t>
    <rPh sb="0" eb="2">
      <t>イッシツ</t>
    </rPh>
    <rPh sb="3" eb="5">
      <t>テイイン</t>
    </rPh>
    <phoneticPr fontId="1"/>
  </si>
  <si>
    <r>
      <t>居室の床面積</t>
    </r>
    <r>
      <rPr>
        <sz val="8"/>
        <color theme="1"/>
        <rFont val="游ゴシック"/>
        <family val="3"/>
        <charset val="128"/>
        <scheme val="minor"/>
      </rPr>
      <t>（該当する範囲に〇）</t>
    </r>
    <rPh sb="0" eb="2">
      <t>キョシツ</t>
    </rPh>
    <rPh sb="3" eb="4">
      <t>ユカ</t>
    </rPh>
    <rPh sb="4" eb="6">
      <t>メンセキ</t>
    </rPh>
    <rPh sb="7" eb="9">
      <t>ガイトウ</t>
    </rPh>
    <rPh sb="11" eb="13">
      <t>ハンイ</t>
    </rPh>
    <phoneticPr fontId="1"/>
  </si>
  <si>
    <t xml:space="preserve">対象世帯
</t>
    <rPh sb="0" eb="2">
      <t>タイショウ</t>
    </rPh>
    <rPh sb="2" eb="4">
      <t>セタイ</t>
    </rPh>
    <phoneticPr fontId="1"/>
  </si>
  <si>
    <t>有 ・ 無</t>
    <rPh sb="0" eb="1">
      <t>アリ</t>
    </rPh>
    <rPh sb="4" eb="5">
      <t>ナ</t>
    </rPh>
    <phoneticPr fontId="1"/>
  </si>
  <si>
    <t xml:space="preserve">居室内の
専用設備
</t>
    <rPh sb="0" eb="2">
      <t>キョシツ</t>
    </rPh>
    <rPh sb="2" eb="3">
      <t>ナイ</t>
    </rPh>
    <rPh sb="5" eb="7">
      <t>センヨウ</t>
    </rPh>
    <rPh sb="7" eb="9">
      <t>セツビ</t>
    </rPh>
    <phoneticPr fontId="1"/>
  </si>
  <si>
    <t xml:space="preserve">居室外の
専用収納
</t>
    <rPh sb="0" eb="2">
      <t>キョシツ</t>
    </rPh>
    <rPh sb="2" eb="3">
      <t>ガイ</t>
    </rPh>
    <rPh sb="5" eb="7">
      <t>センヨウ</t>
    </rPh>
    <rPh sb="7" eb="9">
      <t>シュウノウ</t>
    </rPh>
    <phoneticPr fontId="1"/>
  </si>
  <si>
    <t xml:space="preserve">備　考
</t>
    <rPh sb="0" eb="1">
      <t>ビ</t>
    </rPh>
    <rPh sb="2" eb="3">
      <t>コウ</t>
    </rPh>
    <phoneticPr fontId="1"/>
  </si>
  <si>
    <t>3.3　㎡</t>
    <phoneticPr fontId="1"/>
  </si>
  <si>
    <t>室</t>
    <rPh sb="0" eb="1">
      <t>シツ</t>
    </rPh>
    <phoneticPr fontId="1"/>
  </si>
  <si>
    <t>計</t>
    <rPh sb="0" eb="1">
      <t>ケイ</t>
    </rPh>
    <phoneticPr fontId="1"/>
  </si>
  <si>
    <t xml:space="preserve"> 炊事・洗面・便所・浴室
 洗濯・他（　　　　 　）</t>
    <rPh sb="1" eb="3">
      <t>スイジ</t>
    </rPh>
    <rPh sb="4" eb="6">
      <t>センメン</t>
    </rPh>
    <rPh sb="7" eb="9">
      <t>ベンジョ</t>
    </rPh>
    <rPh sb="10" eb="12">
      <t>ヨクシツ</t>
    </rPh>
    <rPh sb="14" eb="16">
      <t>センタク</t>
    </rPh>
    <rPh sb="17" eb="18">
      <t>ホカ</t>
    </rPh>
    <phoneticPr fontId="1"/>
  </si>
  <si>
    <t xml:space="preserve">定員で利用した
場合の一世帯の
使用料
（または家賃）
</t>
    <rPh sb="0" eb="2">
      <t>テイイン</t>
    </rPh>
    <rPh sb="3" eb="5">
      <t>リヨウ</t>
    </rPh>
    <rPh sb="8" eb="10">
      <t>バアイ</t>
    </rPh>
    <rPh sb="11" eb="12">
      <t>イチ</t>
    </rPh>
    <rPh sb="12" eb="14">
      <t>セタイ</t>
    </rPh>
    <rPh sb="16" eb="19">
      <t>シヨウリョウ</t>
    </rPh>
    <rPh sb="24" eb="26">
      <t>ヤチン</t>
    </rPh>
    <phoneticPr fontId="1"/>
  </si>
  <si>
    <t>令和　　年　　月　　日作成</t>
    <rPh sb="0" eb="2">
      <t>レイワ</t>
    </rPh>
    <rPh sb="4" eb="5">
      <t>ネン</t>
    </rPh>
    <rPh sb="7" eb="8">
      <t>ガツ</t>
    </rPh>
    <rPh sb="10" eb="11">
      <t>ニチ</t>
    </rPh>
    <rPh sb="11" eb="13">
      <t>サクセイ</t>
    </rPh>
    <phoneticPr fontId="1"/>
  </si>
  <si>
    <r>
      <t xml:space="preserve">（以下、床面積は〔  </t>
    </r>
    <r>
      <rPr>
        <sz val="9"/>
        <color theme="1"/>
        <rFont val="游ゴシック"/>
        <family val="3"/>
        <charset val="128"/>
        <scheme val="minor"/>
      </rPr>
      <t>建築図面からの計算 ・ 実測からの壁芯推計</t>
    </r>
    <r>
      <rPr>
        <sz val="11"/>
        <color theme="1"/>
        <rFont val="游ゴシック"/>
        <family val="3"/>
        <charset val="128"/>
        <scheme val="minor"/>
      </rPr>
      <t>　〕により記載している。）</t>
    </r>
    <rPh sb="1" eb="3">
      <t>イカ</t>
    </rPh>
    <phoneticPr fontId="1"/>
  </si>
  <si>
    <r>
      <t>単身・</t>
    </r>
    <r>
      <rPr>
        <sz val="9"/>
        <color theme="1"/>
        <rFont val="游ゴシック"/>
        <family val="3"/>
        <charset val="128"/>
        <scheme val="minor"/>
      </rPr>
      <t>家族</t>
    </r>
    <rPh sb="0" eb="2">
      <t>タンシン</t>
    </rPh>
    <rPh sb="3" eb="5">
      <t>カゾク</t>
    </rPh>
    <phoneticPr fontId="1"/>
  </si>
  <si>
    <r>
      <rPr>
        <sz val="8"/>
        <color theme="1"/>
        <rFont val="游ゴシック"/>
        <family val="3"/>
        <charset val="128"/>
        <scheme val="minor"/>
      </rPr>
      <t>定員</t>
    </r>
    <r>
      <rPr>
        <sz val="11"/>
        <color theme="1"/>
        <rFont val="游ゴシック"/>
        <family val="2"/>
        <charset val="128"/>
        <scheme val="minor"/>
      </rPr>
      <t>　　 人</t>
    </r>
    <rPh sb="0" eb="2">
      <t>テイイン</t>
    </rPh>
    <rPh sb="5" eb="6">
      <t>ニン</t>
    </rPh>
    <phoneticPr fontId="1"/>
  </si>
  <si>
    <t xml:space="preserve">部屋
番号
</t>
    <rPh sb="0" eb="2">
      <t>ヘヤ</t>
    </rPh>
    <rPh sb="3" eb="5">
      <t>バンゴウ</t>
    </rPh>
    <phoneticPr fontId="1"/>
  </si>
  <si>
    <t>無料低額宿泊所名：（　　　　　　　　　　　　　　）</t>
    <rPh sb="0" eb="2">
      <t>ムリョウ</t>
    </rPh>
    <rPh sb="2" eb="4">
      <t>テイガク</t>
    </rPh>
    <rPh sb="4" eb="6">
      <t>シュクハク</t>
    </rPh>
    <rPh sb="6" eb="7">
      <t>ジョ</t>
    </rPh>
    <rPh sb="7" eb="8">
      <t>メイ</t>
    </rPh>
    <phoneticPr fontId="1"/>
  </si>
  <si>
    <t>（事前協議書第３号様式）</t>
    <rPh sb="1" eb="3">
      <t>ジゼン</t>
    </rPh>
    <rPh sb="3" eb="5">
      <t>キョウギ</t>
    </rPh>
    <rPh sb="5" eb="6">
      <t>ショ</t>
    </rPh>
    <rPh sb="6" eb="7">
      <t>ダイ</t>
    </rPh>
    <rPh sb="8" eb="9">
      <t>ゴウ</t>
    </rPh>
    <rPh sb="9" eb="11">
      <t>ヨウシキ</t>
    </rPh>
    <phoneticPr fontId="1"/>
  </si>
  <si>
    <t xml:space="preserve">施設による
金銭管理
</t>
    <rPh sb="0" eb="2">
      <t>シセツ</t>
    </rPh>
    <rPh sb="6" eb="8">
      <t>キンセン</t>
    </rPh>
    <rPh sb="8" eb="10">
      <t>カンリ</t>
    </rPh>
    <phoneticPr fontId="1"/>
  </si>
  <si>
    <t>居室面積・使用料（家賃）一覧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8"/>
      <color theme="1"/>
      <name val="游ゴシック"/>
      <family val="3"/>
      <charset val="128"/>
      <scheme val="minor"/>
    </font>
    <font>
      <sz val="9"/>
      <color theme="1"/>
      <name val="游ゴシック"/>
      <family val="3"/>
      <charset val="128"/>
      <scheme val="minor"/>
    </font>
    <font>
      <sz val="10"/>
      <color theme="1"/>
      <name val="游ゴシック"/>
      <family val="3"/>
      <charset val="128"/>
      <scheme val="minor"/>
    </font>
    <font>
      <sz val="9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8"/>
      <color theme="1"/>
      <name val="游ゴシック"/>
      <family val="3"/>
      <charset val="128"/>
      <scheme val="minor"/>
    </font>
    <font>
      <sz val="9"/>
      <color theme="1"/>
      <name val="ＭＳ ゴシック"/>
      <family val="3"/>
      <charset val="128"/>
    </font>
    <font>
      <b/>
      <sz val="18"/>
      <color theme="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3">
    <xf numFmtId="0" fontId="0" fillId="0" borderId="0" xfId="0">
      <alignment vertical="center"/>
    </xf>
    <xf numFmtId="0" fontId="7" fillId="0" borderId="4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textRotation="255" wrapText="1"/>
    </xf>
    <xf numFmtId="0" fontId="2" fillId="0" borderId="4" xfId="0" applyFont="1" applyBorder="1" applyAlignment="1">
      <alignment horizontal="center" textRotation="255" wrapText="1"/>
    </xf>
    <xf numFmtId="0" fontId="5" fillId="0" borderId="8" xfId="0" applyFont="1" applyBorder="1" applyAlignment="1">
      <alignment horizontal="left" vertical="center" wrapText="1"/>
    </xf>
    <xf numFmtId="0" fontId="6" fillId="3" borderId="12" xfId="0" applyFont="1" applyFill="1" applyBorder="1" applyAlignment="1">
      <alignment horizontal="right" vertical="center"/>
    </xf>
    <xf numFmtId="0" fontId="8" fillId="0" borderId="0" xfId="0" applyFont="1">
      <alignment vertical="center"/>
    </xf>
    <xf numFmtId="0" fontId="6" fillId="0" borderId="0" xfId="0" applyFont="1" applyAlignment="1"/>
    <xf numFmtId="0" fontId="0" fillId="0" borderId="0" xfId="0" applyFont="1">
      <alignment vertical="center"/>
    </xf>
    <xf numFmtId="0" fontId="0" fillId="0" borderId="0" xfId="0" applyFont="1" applyAlignment="1">
      <alignment horizontal="center" vertical="center"/>
    </xf>
    <xf numFmtId="0" fontId="0" fillId="0" borderId="0" xfId="0" applyFont="1" applyAlignment="1"/>
    <xf numFmtId="0" fontId="0" fillId="0" borderId="0" xfId="0" applyFont="1" applyAlignment="1">
      <alignment horizontal="center"/>
    </xf>
    <xf numFmtId="0" fontId="0" fillId="0" borderId="0" xfId="0" applyFont="1" applyAlignment="1">
      <alignment horizontal="right"/>
    </xf>
    <xf numFmtId="0" fontId="0" fillId="0" borderId="0" xfId="0" applyFont="1" applyAlignment="1">
      <alignment vertical="center" wrapText="1"/>
    </xf>
    <xf numFmtId="0" fontId="0" fillId="0" borderId="7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9" xfId="0" applyFont="1" applyBorder="1" applyAlignment="1">
      <alignment horizontal="right" vertical="center"/>
    </xf>
    <xf numFmtId="0" fontId="0" fillId="2" borderId="7" xfId="0" applyFont="1" applyFill="1" applyBorder="1" applyAlignment="1">
      <alignment horizontal="right" vertical="center"/>
    </xf>
    <xf numFmtId="0" fontId="0" fillId="0" borderId="8" xfId="0" applyFont="1" applyBorder="1" applyAlignment="1">
      <alignment horizontal="center" vertical="center"/>
    </xf>
    <xf numFmtId="0" fontId="0" fillId="2" borderId="8" xfId="0" applyFont="1" applyFill="1" applyBorder="1" applyAlignment="1">
      <alignment horizontal="right" vertical="center"/>
    </xf>
    <xf numFmtId="0" fontId="0" fillId="0" borderId="9" xfId="0" applyFont="1" applyBorder="1" applyAlignment="1">
      <alignment horizontal="center" vertical="center"/>
    </xf>
    <xf numFmtId="0" fontId="0" fillId="0" borderId="1" xfId="0" applyFont="1" applyBorder="1">
      <alignment vertical="center"/>
    </xf>
    <xf numFmtId="0" fontId="0" fillId="0" borderId="3" xfId="0" applyFont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0" fillId="0" borderId="5" xfId="0" applyFont="1" applyBorder="1" applyAlignment="1">
      <alignment horizontal="right" vertical="center"/>
    </xf>
    <xf numFmtId="0" fontId="0" fillId="3" borderId="12" xfId="0" applyFont="1" applyFill="1" applyBorder="1" applyAlignment="1">
      <alignment horizontal="center" vertical="center"/>
    </xf>
    <xf numFmtId="0" fontId="0" fillId="0" borderId="10" xfId="0" applyFont="1" applyBorder="1" applyAlignment="1">
      <alignment horizontal="center" wrapText="1"/>
    </xf>
    <xf numFmtId="0" fontId="0" fillId="0" borderId="11" xfId="0" applyFont="1" applyBorder="1" applyAlignment="1">
      <alignment horizontal="center" wrapText="1"/>
    </xf>
    <xf numFmtId="0" fontId="4" fillId="0" borderId="5" xfId="0" applyFont="1" applyBorder="1" applyAlignment="1">
      <alignment horizontal="center" wrapText="1"/>
    </xf>
    <xf numFmtId="0" fontId="4" fillId="0" borderId="2" xfId="0" applyFont="1" applyBorder="1" applyAlignment="1">
      <alignment horizontal="center" wrapText="1"/>
    </xf>
    <xf numFmtId="0" fontId="4" fillId="0" borderId="10" xfId="0" applyFont="1" applyBorder="1" applyAlignment="1">
      <alignment horizontal="center" wrapText="1"/>
    </xf>
    <xf numFmtId="0" fontId="4" fillId="0" borderId="11" xfId="0" applyFont="1" applyBorder="1" applyAlignment="1">
      <alignment horizontal="center" wrapText="1"/>
    </xf>
    <xf numFmtId="0" fontId="0" fillId="0" borderId="10" xfId="0" applyFont="1" applyBorder="1" applyAlignment="1">
      <alignment horizontal="center" vertical="center" wrapText="1"/>
    </xf>
    <xf numFmtId="0" fontId="0" fillId="0" borderId="11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/>
    </xf>
    <xf numFmtId="0" fontId="6" fillId="0" borderId="7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6" fillId="0" borderId="9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wrapText="1"/>
    </xf>
    <xf numFmtId="0" fontId="3" fillId="0" borderId="6" xfId="0" applyFont="1" applyBorder="1" applyAlignment="1">
      <alignment horizont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18"/>
  <sheetViews>
    <sheetView showGridLines="0" tabSelected="1" view="pageBreakPreview" zoomScale="80" zoomScaleNormal="100" zoomScaleSheetLayoutView="80" zoomScalePageLayoutView="60" workbookViewId="0">
      <selection activeCell="E22" sqref="E22"/>
    </sheetView>
  </sheetViews>
  <sheetFormatPr defaultRowHeight="18.75" x14ac:dyDescent="0.4"/>
  <cols>
    <col min="1" max="1" width="4.125" style="11" customWidth="1"/>
    <col min="2" max="2" width="9.625" style="11" customWidth="1"/>
    <col min="3" max="3" width="9.875" style="11" bestFit="1" customWidth="1"/>
    <col min="4" max="4" width="9.625" style="11" bestFit="1" customWidth="1"/>
    <col min="5" max="5" width="1.625" style="11" customWidth="1"/>
    <col min="6" max="6" width="4.375" style="11" customWidth="1"/>
    <col min="7" max="7" width="1.625" style="11" customWidth="1"/>
    <col min="8" max="8" width="4.375" style="11" customWidth="1"/>
    <col min="9" max="9" width="1.625" style="11" customWidth="1"/>
    <col min="10" max="10" width="4.375" style="11" customWidth="1"/>
    <col min="11" max="11" width="1.625" style="11" customWidth="1"/>
    <col min="12" max="12" width="4.375" style="11" customWidth="1"/>
    <col min="13" max="13" width="1.625" style="11" customWidth="1"/>
    <col min="14" max="14" width="4.375" style="11" customWidth="1"/>
    <col min="15" max="15" width="20.125" style="11" customWidth="1"/>
    <col min="16" max="16" width="8" style="12" bestFit="1" customWidth="1"/>
    <col min="17" max="17" width="14" style="11" customWidth="1"/>
    <col min="18" max="18" width="10.5" style="11" bestFit="1" customWidth="1"/>
    <col min="19" max="19" width="38.75" style="11" customWidth="1"/>
    <col min="20" max="16384" width="9" style="11"/>
  </cols>
  <sheetData>
    <row r="1" spans="1:19" x14ac:dyDescent="0.4">
      <c r="A1" s="9" t="s">
        <v>25</v>
      </c>
    </row>
    <row r="2" spans="1:19" ht="33" customHeight="1" x14ac:dyDescent="0.4">
      <c r="A2" s="37" t="s">
        <v>27</v>
      </c>
      <c r="B2" s="37"/>
      <c r="C2" s="37"/>
      <c r="D2" s="37"/>
      <c r="E2" s="37"/>
      <c r="F2" s="37"/>
      <c r="G2" s="37"/>
      <c r="H2" s="37"/>
      <c r="I2" s="37"/>
      <c r="J2" s="37"/>
      <c r="K2" s="37"/>
      <c r="L2" s="37"/>
      <c r="M2" s="37"/>
      <c r="N2" s="37"/>
      <c r="O2" s="37"/>
      <c r="P2" s="37"/>
      <c r="Q2" s="37"/>
      <c r="R2" s="37"/>
      <c r="S2" s="37"/>
    </row>
    <row r="3" spans="1:19" s="13" customFormat="1" ht="28.5" customHeight="1" x14ac:dyDescent="0.4">
      <c r="A3" s="13" t="s">
        <v>24</v>
      </c>
      <c r="P3" s="14"/>
      <c r="S3" s="15" t="s">
        <v>19</v>
      </c>
    </row>
    <row r="4" spans="1:19" ht="25.5" customHeight="1" x14ac:dyDescent="0.4">
      <c r="A4" s="10" t="s">
        <v>20</v>
      </c>
    </row>
    <row r="6" spans="1:19" s="16" customFormat="1" x14ac:dyDescent="0.4">
      <c r="A6" s="35"/>
      <c r="B6" s="29" t="s">
        <v>23</v>
      </c>
      <c r="C6" s="31" t="s">
        <v>7</v>
      </c>
      <c r="D6" s="31" t="s">
        <v>9</v>
      </c>
      <c r="E6" s="38" t="s">
        <v>8</v>
      </c>
      <c r="F6" s="39"/>
      <c r="G6" s="39"/>
      <c r="H6" s="39"/>
      <c r="I6" s="39"/>
      <c r="J6" s="39"/>
      <c r="K6" s="39"/>
      <c r="L6" s="39"/>
      <c r="M6" s="39"/>
      <c r="N6" s="40"/>
      <c r="O6" s="33" t="s">
        <v>11</v>
      </c>
      <c r="P6" s="41" t="s">
        <v>12</v>
      </c>
      <c r="Q6" s="33" t="s">
        <v>18</v>
      </c>
      <c r="R6" s="33" t="s">
        <v>26</v>
      </c>
      <c r="S6" s="29" t="s">
        <v>13</v>
      </c>
    </row>
    <row r="7" spans="1:19" s="16" customFormat="1" ht="87" customHeight="1" x14ac:dyDescent="0.4">
      <c r="A7" s="36"/>
      <c r="B7" s="30"/>
      <c r="C7" s="32"/>
      <c r="D7" s="32"/>
      <c r="E7" s="5" t="s">
        <v>14</v>
      </c>
      <c r="F7" s="1" t="s">
        <v>2</v>
      </c>
      <c r="G7" s="6" t="s">
        <v>3</v>
      </c>
      <c r="H7" s="1" t="s">
        <v>2</v>
      </c>
      <c r="I7" s="6" t="s">
        <v>4</v>
      </c>
      <c r="J7" s="1" t="s">
        <v>2</v>
      </c>
      <c r="K7" s="6" t="s">
        <v>5</v>
      </c>
      <c r="L7" s="1" t="s">
        <v>2</v>
      </c>
      <c r="M7" s="6" t="s">
        <v>6</v>
      </c>
      <c r="N7" s="2" t="s">
        <v>2</v>
      </c>
      <c r="O7" s="34"/>
      <c r="P7" s="42"/>
      <c r="Q7" s="34"/>
      <c r="R7" s="34"/>
      <c r="S7" s="30"/>
    </row>
    <row r="8" spans="1:19" ht="36" customHeight="1" x14ac:dyDescent="0.4">
      <c r="A8" s="17">
        <v>1</v>
      </c>
      <c r="B8" s="18"/>
      <c r="C8" s="19" t="s">
        <v>0</v>
      </c>
      <c r="D8" s="3" t="s">
        <v>21</v>
      </c>
      <c r="E8" s="20"/>
      <c r="F8" s="21"/>
      <c r="G8" s="22"/>
      <c r="H8" s="21"/>
      <c r="I8" s="22"/>
      <c r="J8" s="21"/>
      <c r="K8" s="22"/>
      <c r="L8" s="21"/>
      <c r="M8" s="22"/>
      <c r="N8" s="23"/>
      <c r="O8" s="7" t="s">
        <v>17</v>
      </c>
      <c r="P8" s="4" t="s">
        <v>10</v>
      </c>
      <c r="Q8" s="19" t="s">
        <v>1</v>
      </c>
      <c r="R8" s="4" t="s">
        <v>10</v>
      </c>
      <c r="S8" s="24"/>
    </row>
    <row r="9" spans="1:19" ht="36" customHeight="1" x14ac:dyDescent="0.4">
      <c r="A9" s="17">
        <v>2</v>
      </c>
      <c r="B9" s="18"/>
      <c r="C9" s="19" t="s">
        <v>0</v>
      </c>
      <c r="D9" s="3" t="s">
        <v>21</v>
      </c>
      <c r="E9" s="20"/>
      <c r="F9" s="21"/>
      <c r="G9" s="22"/>
      <c r="H9" s="21"/>
      <c r="I9" s="22"/>
      <c r="J9" s="21"/>
      <c r="K9" s="22"/>
      <c r="L9" s="21"/>
      <c r="M9" s="22"/>
      <c r="N9" s="23"/>
      <c r="O9" s="7" t="s">
        <v>17</v>
      </c>
      <c r="P9" s="4" t="s">
        <v>10</v>
      </c>
      <c r="Q9" s="19" t="s">
        <v>1</v>
      </c>
      <c r="R9" s="4" t="s">
        <v>10</v>
      </c>
      <c r="S9" s="24"/>
    </row>
    <row r="10" spans="1:19" ht="36" customHeight="1" x14ac:dyDescent="0.4">
      <c r="A10" s="17">
        <v>3</v>
      </c>
      <c r="B10" s="18"/>
      <c r="C10" s="19" t="s">
        <v>0</v>
      </c>
      <c r="D10" s="3" t="s">
        <v>21</v>
      </c>
      <c r="E10" s="20"/>
      <c r="F10" s="21"/>
      <c r="G10" s="22"/>
      <c r="H10" s="21"/>
      <c r="I10" s="22"/>
      <c r="J10" s="21"/>
      <c r="K10" s="22"/>
      <c r="L10" s="21"/>
      <c r="M10" s="22"/>
      <c r="N10" s="23"/>
      <c r="O10" s="7" t="s">
        <v>17</v>
      </c>
      <c r="P10" s="4" t="s">
        <v>10</v>
      </c>
      <c r="Q10" s="19" t="s">
        <v>1</v>
      </c>
      <c r="R10" s="4" t="s">
        <v>10</v>
      </c>
      <c r="S10" s="24"/>
    </row>
    <row r="11" spans="1:19" ht="36" customHeight="1" x14ac:dyDescent="0.4">
      <c r="A11" s="17">
        <v>4</v>
      </c>
      <c r="B11" s="18"/>
      <c r="C11" s="19" t="s">
        <v>0</v>
      </c>
      <c r="D11" s="3" t="s">
        <v>21</v>
      </c>
      <c r="E11" s="20"/>
      <c r="F11" s="21"/>
      <c r="G11" s="22"/>
      <c r="H11" s="21"/>
      <c r="I11" s="22"/>
      <c r="J11" s="21"/>
      <c r="K11" s="22"/>
      <c r="L11" s="21"/>
      <c r="M11" s="22"/>
      <c r="N11" s="23"/>
      <c r="O11" s="7" t="s">
        <v>17</v>
      </c>
      <c r="P11" s="4" t="s">
        <v>10</v>
      </c>
      <c r="Q11" s="19" t="s">
        <v>1</v>
      </c>
      <c r="R11" s="4" t="s">
        <v>10</v>
      </c>
      <c r="S11" s="24"/>
    </row>
    <row r="12" spans="1:19" ht="36" customHeight="1" x14ac:dyDescent="0.4">
      <c r="A12" s="17">
        <v>5</v>
      </c>
      <c r="B12" s="18"/>
      <c r="C12" s="19" t="s">
        <v>0</v>
      </c>
      <c r="D12" s="3" t="s">
        <v>21</v>
      </c>
      <c r="E12" s="20"/>
      <c r="F12" s="21"/>
      <c r="G12" s="22"/>
      <c r="H12" s="21"/>
      <c r="I12" s="22"/>
      <c r="J12" s="21"/>
      <c r="K12" s="22"/>
      <c r="L12" s="21"/>
      <c r="M12" s="22"/>
      <c r="N12" s="23"/>
      <c r="O12" s="7" t="s">
        <v>17</v>
      </c>
      <c r="P12" s="4" t="s">
        <v>10</v>
      </c>
      <c r="Q12" s="19" t="s">
        <v>1</v>
      </c>
      <c r="R12" s="4" t="s">
        <v>10</v>
      </c>
      <c r="S12" s="24"/>
    </row>
    <row r="13" spans="1:19" ht="36" customHeight="1" x14ac:dyDescent="0.4">
      <c r="A13" s="17">
        <v>6</v>
      </c>
      <c r="B13" s="18"/>
      <c r="C13" s="19" t="s">
        <v>0</v>
      </c>
      <c r="D13" s="3" t="s">
        <v>21</v>
      </c>
      <c r="E13" s="20"/>
      <c r="F13" s="21"/>
      <c r="G13" s="22"/>
      <c r="H13" s="21"/>
      <c r="I13" s="22"/>
      <c r="J13" s="21"/>
      <c r="K13" s="22"/>
      <c r="L13" s="21"/>
      <c r="M13" s="22"/>
      <c r="N13" s="23"/>
      <c r="O13" s="7" t="s">
        <v>17</v>
      </c>
      <c r="P13" s="4" t="s">
        <v>10</v>
      </c>
      <c r="Q13" s="19" t="s">
        <v>1</v>
      </c>
      <c r="R13" s="4" t="s">
        <v>10</v>
      </c>
      <c r="S13" s="24"/>
    </row>
    <row r="14" spans="1:19" ht="36" customHeight="1" x14ac:dyDescent="0.4">
      <c r="A14" s="17">
        <v>7</v>
      </c>
      <c r="B14" s="18"/>
      <c r="C14" s="19" t="s">
        <v>0</v>
      </c>
      <c r="D14" s="3" t="s">
        <v>21</v>
      </c>
      <c r="E14" s="20"/>
      <c r="F14" s="21"/>
      <c r="G14" s="22"/>
      <c r="H14" s="21"/>
      <c r="I14" s="22"/>
      <c r="J14" s="21"/>
      <c r="K14" s="22"/>
      <c r="L14" s="21"/>
      <c r="M14" s="22"/>
      <c r="N14" s="23"/>
      <c r="O14" s="7" t="s">
        <v>17</v>
      </c>
      <c r="P14" s="4" t="s">
        <v>10</v>
      </c>
      <c r="Q14" s="19" t="s">
        <v>1</v>
      </c>
      <c r="R14" s="4" t="s">
        <v>10</v>
      </c>
      <c r="S14" s="24"/>
    </row>
    <row r="15" spans="1:19" ht="36" customHeight="1" x14ac:dyDescent="0.4">
      <c r="A15" s="17">
        <v>8</v>
      </c>
      <c r="B15" s="18"/>
      <c r="C15" s="19" t="s">
        <v>0</v>
      </c>
      <c r="D15" s="3" t="s">
        <v>21</v>
      </c>
      <c r="E15" s="20"/>
      <c r="F15" s="21"/>
      <c r="G15" s="22"/>
      <c r="H15" s="21"/>
      <c r="I15" s="22"/>
      <c r="J15" s="21"/>
      <c r="K15" s="22"/>
      <c r="L15" s="21"/>
      <c r="M15" s="22"/>
      <c r="N15" s="23"/>
      <c r="O15" s="7" t="s">
        <v>17</v>
      </c>
      <c r="P15" s="4" t="s">
        <v>10</v>
      </c>
      <c r="Q15" s="19" t="s">
        <v>1</v>
      </c>
      <c r="R15" s="4" t="s">
        <v>10</v>
      </c>
      <c r="S15" s="24"/>
    </row>
    <row r="16" spans="1:19" ht="36" customHeight="1" x14ac:dyDescent="0.4">
      <c r="A16" s="17">
        <v>9</v>
      </c>
      <c r="B16" s="18"/>
      <c r="C16" s="19" t="s">
        <v>0</v>
      </c>
      <c r="D16" s="3" t="s">
        <v>21</v>
      </c>
      <c r="E16" s="20"/>
      <c r="F16" s="21"/>
      <c r="G16" s="22"/>
      <c r="H16" s="21"/>
      <c r="I16" s="22"/>
      <c r="J16" s="21"/>
      <c r="K16" s="22"/>
      <c r="L16" s="21"/>
      <c r="M16" s="22"/>
      <c r="N16" s="23"/>
      <c r="O16" s="7" t="s">
        <v>17</v>
      </c>
      <c r="P16" s="4" t="s">
        <v>10</v>
      </c>
      <c r="Q16" s="19" t="s">
        <v>1</v>
      </c>
      <c r="R16" s="4" t="s">
        <v>10</v>
      </c>
      <c r="S16" s="24"/>
    </row>
    <row r="17" spans="1:19" ht="36" customHeight="1" thickBot="1" x14ac:dyDescent="0.45">
      <c r="A17" s="25">
        <v>10</v>
      </c>
      <c r="B17" s="26"/>
      <c r="C17" s="27" t="s">
        <v>0</v>
      </c>
      <c r="D17" s="3" t="s">
        <v>21</v>
      </c>
      <c r="E17" s="20"/>
      <c r="F17" s="21"/>
      <c r="G17" s="22"/>
      <c r="H17" s="21"/>
      <c r="I17" s="22"/>
      <c r="J17" s="21"/>
      <c r="K17" s="22"/>
      <c r="L17" s="21"/>
      <c r="M17" s="22"/>
      <c r="N17" s="23"/>
      <c r="O17" s="7" t="s">
        <v>17</v>
      </c>
      <c r="P17" s="4" t="s">
        <v>10</v>
      </c>
      <c r="Q17" s="19" t="s">
        <v>1</v>
      </c>
      <c r="R17" s="4" t="s">
        <v>10</v>
      </c>
      <c r="S17" s="24"/>
    </row>
    <row r="18" spans="1:19" ht="25.5" customHeight="1" thickTop="1" x14ac:dyDescent="0.4">
      <c r="A18" s="28" t="s">
        <v>16</v>
      </c>
      <c r="B18" s="8" t="s">
        <v>15</v>
      </c>
      <c r="C18" s="8" t="s">
        <v>22</v>
      </c>
    </row>
  </sheetData>
  <mergeCells count="11">
    <mergeCell ref="S6:S7"/>
    <mergeCell ref="D6:D7"/>
    <mergeCell ref="O6:O7"/>
    <mergeCell ref="A6:A7"/>
    <mergeCell ref="A2:S2"/>
    <mergeCell ref="E6:N6"/>
    <mergeCell ref="B6:B7"/>
    <mergeCell ref="C6:C7"/>
    <mergeCell ref="P6:P7"/>
    <mergeCell ref="Q6:Q7"/>
    <mergeCell ref="R6:R7"/>
  </mergeCells>
  <phoneticPr fontId="1"/>
  <pageMargins left="0.70866141732283472" right="0.70866141732283472" top="0.35433070866141736" bottom="0.35433070866141736" header="0.31496062992125984" footer="0.31496062992125984"/>
  <pageSetup paperSize="9" scale="78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居室面積・使用料（家賃）一覧</vt:lpstr>
      <vt:lpstr>'居室面積・使用料（家賃）一覧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460.山本　雄児</cp:lastModifiedBy>
  <cp:lastPrinted>2020-03-16T07:03:58Z</cp:lastPrinted>
  <dcterms:created xsi:type="dcterms:W3CDTF">2018-01-05T08:28:31Z</dcterms:created>
  <dcterms:modified xsi:type="dcterms:W3CDTF">2020-03-19T05:07:53Z</dcterms:modified>
</cp:coreProperties>
</file>